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Opening dat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par la suit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s établissements. Étant donné que nous devons saisir des données pour le mois en cours,  il nous faut choisir le premier jour du mois comme date d'ouverture. Enfin, nous pouvons ajouter la latitude et la longitude si nécessaire.</a:t>
            </a:r>
          </a:p>
          <a:p>
            <a:endParaRPr dirty="0" lang="en-US" noProof="0"/>
          </a:p>
          <a:p txid="48d86ca971fbb5907a98cba9ff70501a">
            <a:r>
              <a:rPr dirty="0" lang="en-US" noProof="0"/>
              <a:t>Pour les unités d'organisation qui représentent des délimitations, la zone de délimitation doit être importée par le biais de fichiers de forme, ou shapefiles,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